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6_04消費・教育統計課\小売\14_ホームページ\2026年〈2020年基準〉\2026.5月分〈2020年基準〉\02_消費者物価指数推移\"/>
    </mc:Choice>
  </mc:AlternateContent>
  <xr:revisionPtr revIDLastSave="0" documentId="13_ncr:1_{852E0F64-6329-4801-962E-614EEF9393C0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消費者物価指数の推移" sheetId="1" r:id="rId1"/>
  </sheets>
  <definedNames>
    <definedName name="_xlnm.Print_Area" localSheetId="0">消費者物価指数の推移!$A$1:$Y$2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2" uniqueCount="34">
  <si>
    <t>住　居</t>
  </si>
  <si>
    <t>総　合</t>
  </si>
  <si>
    <t>食　料</t>
  </si>
  <si>
    <t>諸雑費</t>
  </si>
  <si>
    <t>教　育</t>
  </si>
  <si>
    <t>年　　月</t>
    <phoneticPr fontId="1"/>
  </si>
  <si>
    <t>全　　　国</t>
  </si>
  <si>
    <t>生鮮食品を除く</t>
    <rPh sb="5" eb="6">
      <t>ノゾ</t>
    </rPh>
    <phoneticPr fontId="10"/>
  </si>
  <si>
    <t>相模原市</t>
    <rPh sb="0" eb="4">
      <t>サガミハラシ</t>
    </rPh>
    <phoneticPr fontId="1"/>
  </si>
  <si>
    <t>　　　　</t>
  </si>
  <si>
    <t>月</t>
  </si>
  <si>
    <t>平均</t>
    <rPh sb="0" eb="2">
      <t>ヘイキン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（令和2（2020）年＝100基準）</t>
    <rPh sb="1" eb="3">
      <t>レイワ</t>
    </rPh>
    <rPh sb="15" eb="17">
      <t>キジュン</t>
    </rPh>
    <phoneticPr fontId="1"/>
  </si>
  <si>
    <t>―</t>
    <phoneticPr fontId="1"/>
  </si>
  <si>
    <t>消 費 者 物 価 指 数 の 推 移</t>
    <phoneticPr fontId="1"/>
  </si>
  <si>
    <t>前月比
（％）</t>
    <phoneticPr fontId="1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1"/>
        <rFont val="ＭＳ 明朝"/>
        <family val="1"/>
        <charset val="128"/>
      </rPr>
      <t xml:space="preserve">
（％）</t>
    </r>
    <rPh sb="0" eb="2">
      <t>ゼンネン</t>
    </rPh>
    <phoneticPr fontId="10"/>
  </si>
  <si>
    <t>光　熱
・
水　道</t>
    <rPh sb="6" eb="7">
      <t>スイ</t>
    </rPh>
    <rPh sb="8" eb="9">
      <t>ミチ</t>
    </rPh>
    <phoneticPr fontId="1"/>
  </si>
  <si>
    <t>家　具
・
家事用品</t>
    <rPh sb="6" eb="8">
      <t>カジ</t>
    </rPh>
    <rPh sb="8" eb="10">
      <t>ヨウヒン</t>
    </rPh>
    <phoneticPr fontId="1"/>
  </si>
  <si>
    <t>被服及び
履物</t>
    <rPh sb="5" eb="7">
      <t>ハキモノ</t>
    </rPh>
    <phoneticPr fontId="1"/>
  </si>
  <si>
    <t>保健医療</t>
    <rPh sb="2" eb="4">
      <t>イリョウ</t>
    </rPh>
    <phoneticPr fontId="1"/>
  </si>
  <si>
    <t>交　通
・
通　信</t>
    <rPh sb="6" eb="7">
      <t>ツウ</t>
    </rPh>
    <rPh sb="8" eb="9">
      <t>シン</t>
    </rPh>
    <phoneticPr fontId="1"/>
  </si>
  <si>
    <t>教養娯楽</t>
    <rPh sb="0" eb="2">
      <t>キョウヨウ</t>
    </rPh>
    <rPh sb="2" eb="4">
      <t>ゴラク</t>
    </rPh>
    <phoneticPr fontId="1"/>
  </si>
  <si>
    <t>食料
(酒類を除く)
及び
エネルギー
を除く</t>
    <phoneticPr fontId="1"/>
  </si>
  <si>
    <t>持家の帰属家賃を除く</t>
    <rPh sb="5" eb="7">
      <t>ヤチン</t>
    </rPh>
    <phoneticPr fontId="10"/>
  </si>
  <si>
    <t>前月比
（％）</t>
    <rPh sb="2" eb="3">
      <t>ヒ</t>
    </rPh>
    <phoneticPr fontId="10"/>
  </si>
  <si>
    <r>
      <t xml:space="preserve">前年
同月比
</t>
    </r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 xml:space="preserve">
（％）</t>
    </r>
    <rPh sb="3" eb="5">
      <t>ドウゲツ</t>
    </rPh>
    <rPh sb="5" eb="6">
      <t>ヒ</t>
    </rPh>
    <phoneticPr fontId="10"/>
  </si>
  <si>
    <t>総　合</t>
    <rPh sb="0" eb="1">
      <t>ソウ</t>
    </rPh>
    <rPh sb="2" eb="3">
      <t>ゴウ</t>
    </rPh>
    <phoneticPr fontId="1"/>
  </si>
  <si>
    <t>2025年</t>
    <rPh sb="4" eb="5">
      <t>ネン</t>
    </rPh>
    <phoneticPr fontId="1"/>
  </si>
  <si>
    <t>2026年</t>
    <phoneticPr fontId="1"/>
  </si>
  <si>
    <t>2025年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_ "/>
    <numFmt numFmtId="177" formatCode="#,##0;&quot;¥&quot;\!\-#,##0;&quot;-&quot;"/>
    <numFmt numFmtId="178" formatCode="0_ "/>
  </numFmts>
  <fonts count="30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8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7" fontId="20" fillId="0" borderId="0" applyFill="0" applyBorder="0" applyAlignment="0"/>
    <xf numFmtId="0" fontId="21" fillId="0" borderId="0">
      <alignment horizontal="left"/>
    </xf>
    <xf numFmtId="0" fontId="22" fillId="0" borderId="5" applyNumberFormat="0" applyAlignment="0" applyProtection="0">
      <alignment horizontal="left" vertical="center"/>
    </xf>
    <xf numFmtId="0" fontId="22" fillId="0" borderId="25">
      <alignment horizontal="left" vertical="center"/>
    </xf>
    <xf numFmtId="0" fontId="23" fillId="0" borderId="0"/>
    <xf numFmtId="4" fontId="21" fillId="0" borderId="0">
      <alignment horizontal="right"/>
    </xf>
    <xf numFmtId="4" fontId="24" fillId="0" borderId="0">
      <alignment horizontal="right"/>
    </xf>
    <xf numFmtId="0" fontId="25" fillId="0" borderId="0">
      <alignment horizontal="left"/>
    </xf>
    <xf numFmtId="0" fontId="26" fillId="0" borderId="0">
      <alignment horizontal="center"/>
    </xf>
  </cellStyleXfs>
  <cellXfs count="137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0" fontId="6" fillId="0" borderId="0" xfId="1" applyFont="1" applyBorder="1"/>
    <xf numFmtId="0" fontId="5" fillId="0" borderId="9" xfId="1" applyFont="1" applyFill="1" applyBorder="1" applyAlignment="1">
      <alignment horizontal="center" vertical="center"/>
    </xf>
    <xf numFmtId="0" fontId="6" fillId="0" borderId="15" xfId="1" applyFont="1" applyFill="1" applyBorder="1" applyAlignment="1">
      <alignment horizontal="centerContinuous"/>
    </xf>
    <xf numFmtId="0" fontId="6" fillId="0" borderId="16" xfId="1" applyFont="1" applyFill="1" applyBorder="1" applyAlignment="1">
      <alignment horizontal="centerContinuous"/>
    </xf>
    <xf numFmtId="0" fontId="5" fillId="0" borderId="17" xfId="1" applyFont="1" applyFill="1" applyBorder="1" applyAlignment="1">
      <alignment horizontal="centerContinuous" vertical="center"/>
    </xf>
    <xf numFmtId="0" fontId="5" fillId="0" borderId="0" xfId="2"/>
    <xf numFmtId="0" fontId="14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5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6" fillId="0" borderId="0" xfId="1" applyFont="1" applyBorder="1" applyAlignment="1"/>
    <xf numFmtId="0" fontId="17" fillId="0" borderId="0" xfId="1" applyFont="1" applyBorder="1"/>
    <xf numFmtId="0" fontId="18" fillId="0" borderId="0" xfId="2" applyFont="1"/>
    <xf numFmtId="0" fontId="9" fillId="0" borderId="35" xfId="2" applyFont="1" applyBorder="1" applyAlignment="1">
      <alignment horizontal="center" vertical="center"/>
    </xf>
    <xf numFmtId="0" fontId="9" fillId="0" borderId="42" xfId="2" applyFont="1" applyBorder="1" applyAlignment="1">
      <alignment horizontal="center" vertical="center"/>
    </xf>
    <xf numFmtId="176" fontId="9" fillId="0" borderId="27" xfId="1" applyNumberFormat="1" applyFont="1" applyFill="1" applyBorder="1" applyAlignment="1">
      <alignment horizontal="center" vertical="center"/>
    </xf>
    <xf numFmtId="176" fontId="9" fillId="0" borderId="36" xfId="1" applyNumberFormat="1" applyFont="1" applyFill="1" applyBorder="1" applyAlignment="1">
      <alignment horizontal="center" vertical="center"/>
    </xf>
    <xf numFmtId="176" fontId="9" fillId="0" borderId="30" xfId="1" applyNumberFormat="1" applyFont="1" applyFill="1" applyBorder="1" applyAlignment="1">
      <alignment horizontal="center" vertical="center"/>
    </xf>
    <xf numFmtId="176" fontId="9" fillId="0" borderId="37" xfId="1" applyNumberFormat="1" applyFont="1" applyFill="1" applyBorder="1" applyAlignment="1">
      <alignment horizontal="center" vertical="center"/>
    </xf>
    <xf numFmtId="176" fontId="9" fillId="0" borderId="38" xfId="1" applyNumberFormat="1" applyFont="1" applyFill="1" applyBorder="1" applyAlignment="1">
      <alignment horizontal="center" vertical="center"/>
    </xf>
    <xf numFmtId="176" fontId="9" fillId="0" borderId="31" xfId="2" applyNumberFormat="1" applyFont="1" applyFill="1" applyBorder="1" applyAlignment="1">
      <alignment horizontal="center" vertical="center" wrapText="1"/>
    </xf>
    <xf numFmtId="176" fontId="9" fillId="0" borderId="5" xfId="1" applyNumberFormat="1" applyFont="1" applyFill="1" applyBorder="1" applyAlignment="1">
      <alignment horizontal="center" vertical="center"/>
    </xf>
    <xf numFmtId="176" fontId="9" fillId="0" borderId="32" xfId="1" applyNumberFormat="1" applyFont="1" applyFill="1" applyBorder="1" applyAlignment="1">
      <alignment horizontal="center" vertical="center"/>
    </xf>
    <xf numFmtId="176" fontId="9" fillId="0" borderId="29" xfId="1" applyNumberFormat="1" applyFont="1" applyFill="1" applyBorder="1" applyAlignment="1">
      <alignment horizontal="center" vertical="center"/>
    </xf>
    <xf numFmtId="176" fontId="9" fillId="0" borderId="36" xfId="1" applyNumberFormat="1" applyFont="1" applyFill="1" applyBorder="1" applyAlignment="1">
      <alignment horizontal="center" vertical="center" shrinkToFit="1"/>
    </xf>
    <xf numFmtId="176" fontId="9" fillId="0" borderId="42" xfId="3" quotePrefix="1" applyNumberFormat="1" applyFont="1" applyBorder="1" applyAlignment="1">
      <alignment horizontal="center" vertical="center"/>
    </xf>
    <xf numFmtId="176" fontId="9" fillId="0" borderId="39" xfId="3" quotePrefix="1" applyNumberFormat="1" applyFont="1" applyBorder="1" applyAlignment="1">
      <alignment horizontal="center" vertical="center"/>
    </xf>
    <xf numFmtId="176" fontId="9" fillId="0" borderId="40" xfId="3" quotePrefix="1" applyNumberFormat="1" applyFont="1" applyBorder="1" applyAlignment="1">
      <alignment horizontal="center" vertical="center"/>
    </xf>
    <xf numFmtId="178" fontId="9" fillId="0" borderId="41" xfId="2" applyNumberFormat="1" applyFont="1" applyBorder="1" applyAlignment="1">
      <alignment horizontal="center" vertical="center"/>
    </xf>
    <xf numFmtId="0" fontId="19" fillId="0" borderId="0" xfId="1" applyFont="1" applyBorder="1" applyAlignment="1"/>
    <xf numFmtId="0" fontId="11" fillId="0" borderId="11" xfId="1" applyFont="1" applyBorder="1" applyAlignment="1">
      <alignment horizontal="right"/>
    </xf>
    <xf numFmtId="0" fontId="13" fillId="0" borderId="11" xfId="1" applyFont="1" applyBorder="1" applyAlignment="1"/>
    <xf numFmtId="0" fontId="5" fillId="0" borderId="52" xfId="2" applyFont="1" applyFill="1" applyBorder="1" applyAlignment="1">
      <alignment horizontal="center" vertical="center"/>
    </xf>
    <xf numFmtId="0" fontId="3" fillId="0" borderId="0" xfId="1" applyFont="1" applyBorder="1" applyAlignment="1">
      <alignment vertical="center"/>
    </xf>
    <xf numFmtId="176" fontId="9" fillId="0" borderId="53" xfId="3" quotePrefix="1" applyNumberFormat="1" applyFont="1" applyBorder="1" applyAlignment="1">
      <alignment horizontal="center" vertical="center"/>
    </xf>
    <xf numFmtId="176" fontId="9" fillId="0" borderId="54" xfId="3" quotePrefix="1" applyNumberFormat="1" applyFont="1" applyBorder="1" applyAlignment="1">
      <alignment horizontal="center" vertical="center"/>
    </xf>
    <xf numFmtId="176" fontId="9" fillId="0" borderId="55" xfId="3" quotePrefix="1" applyNumberFormat="1" applyFont="1" applyBorder="1" applyAlignment="1">
      <alignment horizontal="center" vertical="center"/>
    </xf>
    <xf numFmtId="176" fontId="9" fillId="0" borderId="55" xfId="2" applyNumberFormat="1" applyFont="1" applyBorder="1" applyAlignment="1">
      <alignment horizontal="center" vertical="center"/>
    </xf>
    <xf numFmtId="176" fontId="8" fillId="0" borderId="53" xfId="0" applyNumberFormat="1" applyFont="1" applyFill="1" applyBorder="1" applyAlignment="1">
      <alignment horizontal="center" vertical="center"/>
    </xf>
    <xf numFmtId="176" fontId="9" fillId="0" borderId="12" xfId="3" quotePrefix="1" applyNumberFormat="1" applyFont="1" applyBorder="1" applyAlignment="1">
      <alignment horizontal="center" vertical="center"/>
    </xf>
    <xf numFmtId="0" fontId="9" fillId="0" borderId="12" xfId="2" applyFont="1" applyBorder="1" applyAlignment="1">
      <alignment horizontal="center" vertical="center"/>
    </xf>
    <xf numFmtId="178" fontId="9" fillId="0" borderId="11" xfId="2" applyNumberFormat="1" applyFont="1" applyBorder="1" applyAlignment="1">
      <alignment horizontal="center" vertical="center"/>
    </xf>
    <xf numFmtId="0" fontId="9" fillId="0" borderId="51" xfId="2" applyFont="1" applyBorder="1" applyAlignment="1">
      <alignment horizontal="center" vertical="center"/>
    </xf>
    <xf numFmtId="176" fontId="9" fillId="0" borderId="7" xfId="3" quotePrefix="1" applyNumberFormat="1" applyFont="1" applyBorder="1" applyAlignment="1">
      <alignment horizontal="center" vertical="center"/>
    </xf>
    <xf numFmtId="176" fontId="9" fillId="0" borderId="6" xfId="3" quotePrefix="1" applyNumberFormat="1" applyFont="1" applyBorder="1" applyAlignment="1">
      <alignment horizontal="center" vertical="center"/>
    </xf>
    <xf numFmtId="176" fontId="9" fillId="0" borderId="10" xfId="3" quotePrefix="1" applyNumberFormat="1" applyFont="1" applyBorder="1" applyAlignment="1">
      <alignment horizontal="center" vertical="center"/>
    </xf>
    <xf numFmtId="176" fontId="9" fillId="0" borderId="56" xfId="3" quotePrefix="1" applyNumberFormat="1" applyFont="1" applyBorder="1" applyAlignment="1">
      <alignment horizontal="center" vertical="center"/>
    </xf>
    <xf numFmtId="176" fontId="9" fillId="0" borderId="43" xfId="3" quotePrefix="1" applyNumberFormat="1" applyFont="1" applyBorder="1" applyAlignment="1">
      <alignment horizontal="center" vertical="center"/>
    </xf>
    <xf numFmtId="176" fontId="9" fillId="0" borderId="57" xfId="3" quotePrefix="1" applyNumberFormat="1" applyFont="1" applyBorder="1" applyAlignment="1">
      <alignment horizontal="center" vertical="center"/>
    </xf>
    <xf numFmtId="176" fontId="9" fillId="0" borderId="57" xfId="2" applyNumberFormat="1" applyFont="1" applyBorder="1" applyAlignment="1">
      <alignment horizontal="center" vertical="center"/>
    </xf>
    <xf numFmtId="176" fontId="8" fillId="0" borderId="7" xfId="0" applyNumberFormat="1" applyFont="1" applyFill="1" applyBorder="1" applyAlignment="1">
      <alignment horizontal="center" vertical="center"/>
    </xf>
    <xf numFmtId="176" fontId="8" fillId="0" borderId="6" xfId="0" applyNumberFormat="1" applyFont="1" applyFill="1" applyBorder="1" applyAlignment="1">
      <alignment horizontal="center" vertical="center"/>
    </xf>
    <xf numFmtId="0" fontId="5" fillId="0" borderId="7" xfId="1" applyFont="1" applyFill="1" applyBorder="1" applyAlignment="1">
      <alignment horizontal="center" vertical="center"/>
    </xf>
    <xf numFmtId="0" fontId="5" fillId="0" borderId="8" xfId="1" applyFont="1" applyFill="1" applyBorder="1" applyAlignment="1">
      <alignment horizontal="center" vertical="center"/>
    </xf>
    <xf numFmtId="0" fontId="9" fillId="0" borderId="11" xfId="2" applyFont="1" applyBorder="1" applyAlignment="1">
      <alignment horizontal="center" vertical="center"/>
    </xf>
    <xf numFmtId="176" fontId="9" fillId="0" borderId="11" xfId="3" quotePrefix="1" applyNumberFormat="1" applyFont="1" applyBorder="1" applyAlignment="1">
      <alignment horizontal="center" vertical="center"/>
    </xf>
    <xf numFmtId="176" fontId="8" fillId="0" borderId="56" xfId="0" applyNumberFormat="1" applyFont="1" applyFill="1" applyBorder="1" applyAlignment="1">
      <alignment horizontal="center" vertical="center"/>
    </xf>
    <xf numFmtId="0" fontId="9" fillId="0" borderId="41" xfId="2" applyFont="1" applyBorder="1" applyAlignment="1">
      <alignment horizontal="center" vertical="center"/>
    </xf>
    <xf numFmtId="176" fontId="9" fillId="0" borderId="41" xfId="3" quotePrefix="1" applyNumberFormat="1" applyFont="1" applyBorder="1" applyAlignment="1">
      <alignment horizontal="center" vertical="center"/>
    </xf>
    <xf numFmtId="176" fontId="8" fillId="0" borderId="40" xfId="0" applyNumberFormat="1" applyFont="1" applyFill="1" applyBorder="1" applyAlignment="1">
      <alignment horizontal="center" vertical="center"/>
    </xf>
    <xf numFmtId="0" fontId="9" fillId="0" borderId="58" xfId="2" applyFont="1" applyBorder="1" applyAlignment="1">
      <alignment horizontal="center" vertical="center"/>
    </xf>
    <xf numFmtId="178" fontId="9" fillId="0" borderId="59" xfId="2" applyNumberFormat="1" applyFont="1" applyBorder="1" applyAlignment="1">
      <alignment horizontal="center" vertical="center"/>
    </xf>
    <xf numFmtId="0" fontId="9" fillId="0" borderId="60" xfId="2" applyFont="1" applyBorder="1" applyAlignment="1">
      <alignment horizontal="center" vertical="center"/>
    </xf>
    <xf numFmtId="176" fontId="9" fillId="0" borderId="58" xfId="3" quotePrefix="1" applyNumberFormat="1" applyFont="1" applyBorder="1" applyAlignment="1">
      <alignment horizontal="center" vertical="center"/>
    </xf>
    <xf numFmtId="176" fontId="9" fillId="0" borderId="61" xfId="3" quotePrefix="1" applyNumberFormat="1" applyFont="1" applyBorder="1" applyAlignment="1">
      <alignment horizontal="center" vertical="center"/>
    </xf>
    <xf numFmtId="176" fontId="9" fillId="0" borderId="62" xfId="3" quotePrefix="1" applyNumberFormat="1" applyFont="1" applyBorder="1" applyAlignment="1">
      <alignment horizontal="center" vertical="center"/>
    </xf>
    <xf numFmtId="176" fontId="9" fillId="0" borderId="63" xfId="3" quotePrefix="1" applyNumberFormat="1" applyFont="1" applyBorder="1" applyAlignment="1">
      <alignment horizontal="center" vertical="center"/>
    </xf>
    <xf numFmtId="176" fontId="9" fillId="0" borderId="64" xfId="3" quotePrefix="1" applyNumberFormat="1" applyFont="1" applyBorder="1" applyAlignment="1">
      <alignment horizontal="center" vertical="center"/>
    </xf>
    <xf numFmtId="176" fontId="9" fillId="0" borderId="65" xfId="3" quotePrefix="1" applyNumberFormat="1" applyFont="1" applyBorder="1" applyAlignment="1">
      <alignment horizontal="center" vertical="center"/>
    </xf>
    <xf numFmtId="176" fontId="9" fillId="0" borderId="66" xfId="3" quotePrefix="1" applyNumberFormat="1" applyFont="1" applyBorder="1" applyAlignment="1">
      <alignment horizontal="center" vertical="center"/>
    </xf>
    <xf numFmtId="176" fontId="9" fillId="0" borderId="66" xfId="2" applyNumberFormat="1" applyFont="1" applyBorder="1" applyAlignment="1">
      <alignment horizontal="center" vertical="center"/>
    </xf>
    <xf numFmtId="176" fontId="8" fillId="0" borderId="61" xfId="0" applyNumberFormat="1" applyFont="1" applyFill="1" applyBorder="1" applyAlignment="1">
      <alignment horizontal="center" vertical="center"/>
    </xf>
    <xf numFmtId="176" fontId="8" fillId="0" borderId="62" xfId="0" applyNumberFormat="1" applyFont="1" applyFill="1" applyBorder="1" applyAlignment="1">
      <alignment horizontal="center" vertical="center"/>
    </xf>
    <xf numFmtId="0" fontId="9" fillId="0" borderId="67" xfId="2" applyFont="1" applyBorder="1" applyAlignment="1">
      <alignment horizontal="center" vertical="center"/>
    </xf>
    <xf numFmtId="178" fontId="9" fillId="0" borderId="68" xfId="2" applyNumberFormat="1" applyFont="1" applyBorder="1" applyAlignment="1">
      <alignment horizontal="center" vertical="center"/>
    </xf>
    <xf numFmtId="0" fontId="9" fillId="0" borderId="69" xfId="2" applyFont="1" applyBorder="1" applyAlignment="1">
      <alignment horizontal="center" vertical="center"/>
    </xf>
    <xf numFmtId="176" fontId="9" fillId="0" borderId="67" xfId="3" quotePrefix="1" applyNumberFormat="1" applyFont="1" applyBorder="1" applyAlignment="1">
      <alignment horizontal="center" vertical="center"/>
    </xf>
    <xf numFmtId="176" fontId="9" fillId="0" borderId="70" xfId="3" quotePrefix="1" applyNumberFormat="1" applyFont="1" applyBorder="1" applyAlignment="1">
      <alignment horizontal="center" vertical="center"/>
    </xf>
    <xf numFmtId="176" fontId="9" fillId="0" borderId="71" xfId="3" quotePrefix="1" applyNumberFormat="1" applyFont="1" applyBorder="1" applyAlignment="1">
      <alignment horizontal="center" vertical="center"/>
    </xf>
    <xf numFmtId="176" fontId="9" fillId="0" borderId="72" xfId="3" quotePrefix="1" applyNumberFormat="1" applyFont="1" applyBorder="1" applyAlignment="1">
      <alignment horizontal="center" vertical="center"/>
    </xf>
    <xf numFmtId="176" fontId="9" fillId="0" borderId="73" xfId="3" quotePrefix="1" applyNumberFormat="1" applyFont="1" applyBorder="1" applyAlignment="1">
      <alignment horizontal="center" vertical="center"/>
    </xf>
    <xf numFmtId="176" fontId="9" fillId="0" borderId="74" xfId="3" quotePrefix="1" applyNumberFormat="1" applyFont="1" applyBorder="1" applyAlignment="1">
      <alignment horizontal="center" vertical="center"/>
    </xf>
    <xf numFmtId="176" fontId="9" fillId="0" borderId="75" xfId="3" quotePrefix="1" applyNumberFormat="1" applyFont="1" applyBorder="1" applyAlignment="1">
      <alignment horizontal="center" vertical="center"/>
    </xf>
    <xf numFmtId="176" fontId="9" fillId="0" borderId="75" xfId="2" applyNumberFormat="1" applyFont="1" applyBorder="1" applyAlignment="1">
      <alignment horizontal="center" vertical="center"/>
    </xf>
    <xf numFmtId="176" fontId="8" fillId="0" borderId="70" xfId="0" applyNumberFormat="1" applyFont="1" applyFill="1" applyBorder="1" applyAlignment="1">
      <alignment horizontal="center" vertical="center"/>
    </xf>
    <xf numFmtId="176" fontId="8" fillId="0" borderId="71" xfId="0" applyNumberFormat="1" applyFont="1" applyFill="1" applyBorder="1" applyAlignment="1">
      <alignment horizontal="center" vertical="center"/>
    </xf>
    <xf numFmtId="0" fontId="0" fillId="0" borderId="68" xfId="0" applyBorder="1">
      <alignment vertical="center"/>
    </xf>
    <xf numFmtId="0" fontId="9" fillId="0" borderId="76" xfId="2" applyFont="1" applyBorder="1" applyAlignment="1">
      <alignment horizontal="center" vertical="center"/>
    </xf>
    <xf numFmtId="176" fontId="9" fillId="0" borderId="77" xfId="3" quotePrefix="1" applyNumberFormat="1" applyFont="1" applyBorder="1" applyAlignment="1">
      <alignment horizontal="center" vertical="center"/>
    </xf>
    <xf numFmtId="176" fontId="8" fillId="0" borderId="39" xfId="0" applyNumberFormat="1" applyFont="1" applyFill="1" applyBorder="1" applyAlignment="1">
      <alignment horizontal="center" vertical="center"/>
    </xf>
    <xf numFmtId="0" fontId="7" fillId="0" borderId="20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4" xfId="1" applyFont="1" applyFill="1" applyBorder="1" applyAlignment="1">
      <alignment horizontal="center" vertical="center"/>
    </xf>
    <xf numFmtId="0" fontId="7" fillId="0" borderId="33" xfId="1" applyFont="1" applyFill="1" applyBorder="1" applyAlignment="1">
      <alignment horizontal="center" vertical="center"/>
    </xf>
    <xf numFmtId="0" fontId="5" fillId="0" borderId="48" xfId="1" applyFont="1" applyFill="1" applyBorder="1" applyAlignment="1">
      <alignment horizontal="center" vertical="center"/>
    </xf>
    <xf numFmtId="0" fontId="5" fillId="0" borderId="8" xfId="1" applyFont="1" applyFill="1" applyBorder="1" applyAlignment="1">
      <alignment horizontal="center" vertical="center"/>
    </xf>
    <xf numFmtId="0" fontId="6" fillId="0" borderId="49" xfId="1" applyFont="1" applyFill="1" applyBorder="1" applyAlignment="1">
      <alignment horizontal="center" vertical="center" wrapText="1"/>
    </xf>
    <xf numFmtId="0" fontId="6" fillId="0" borderId="7" xfId="1" applyFont="1" applyFill="1" applyBorder="1" applyAlignment="1">
      <alignment horizontal="center" vertical="center" wrapText="1"/>
    </xf>
    <xf numFmtId="0" fontId="6" fillId="0" borderId="50" xfId="1" applyFont="1" applyFill="1" applyBorder="1" applyAlignment="1">
      <alignment horizontal="center" vertical="center" wrapText="1" shrinkToFit="1"/>
    </xf>
    <xf numFmtId="0" fontId="6" fillId="0" borderId="6" xfId="1" applyFont="1" applyFill="1" applyBorder="1" applyAlignment="1">
      <alignment horizontal="center" vertical="center" wrapText="1" shrinkToFit="1"/>
    </xf>
    <xf numFmtId="0" fontId="28" fillId="0" borderId="21" xfId="1" applyFont="1" applyFill="1" applyBorder="1" applyAlignment="1">
      <alignment horizontal="center" vertical="center" wrapText="1"/>
    </xf>
    <xf numFmtId="0" fontId="29" fillId="0" borderId="34" xfId="0" applyFont="1" applyBorder="1" applyAlignment="1">
      <alignment horizontal="center" vertical="center"/>
    </xf>
    <xf numFmtId="0" fontId="28" fillId="0" borderId="23" xfId="1" applyFont="1" applyFill="1" applyBorder="1" applyAlignment="1">
      <alignment horizontal="center" vertical="center" wrapText="1"/>
    </xf>
    <xf numFmtId="0" fontId="29" fillId="0" borderId="33" xfId="0" applyFont="1" applyBorder="1" applyAlignment="1">
      <alignment horizontal="center" vertical="center"/>
    </xf>
    <xf numFmtId="0" fontId="9" fillId="0" borderId="5" xfId="1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5" fillId="0" borderId="21" xfId="1" applyFont="1" applyFill="1" applyBorder="1" applyAlignment="1">
      <alignment horizontal="center" vertical="center" wrapText="1"/>
    </xf>
    <xf numFmtId="0" fontId="5" fillId="0" borderId="3" xfId="1" applyFont="1" applyFill="1" applyBorder="1" applyAlignment="1">
      <alignment horizontal="center" vertical="center" wrapText="1"/>
    </xf>
    <xf numFmtId="0" fontId="5" fillId="0" borderId="7" xfId="1" applyFont="1" applyFill="1" applyBorder="1" applyAlignment="1">
      <alignment horizontal="center" vertical="center" wrapText="1"/>
    </xf>
    <xf numFmtId="0" fontId="7" fillId="0" borderId="18" xfId="1" applyFont="1" applyFill="1" applyBorder="1" applyAlignment="1">
      <alignment horizontal="center" vertical="center"/>
    </xf>
    <xf numFmtId="0" fontId="7" fillId="0" borderId="13" xfId="1" applyFont="1" applyFill="1" applyBorder="1" applyAlignment="1">
      <alignment horizontal="center" vertical="center"/>
    </xf>
    <xf numFmtId="0" fontId="3" fillId="0" borderId="24" xfId="1" applyFont="1" applyBorder="1" applyAlignment="1">
      <alignment horizontal="center" vertical="center"/>
    </xf>
    <xf numFmtId="0" fontId="3" fillId="0" borderId="19" xfId="1" applyFont="1" applyBorder="1" applyAlignment="1">
      <alignment horizontal="center" vertical="center"/>
    </xf>
    <xf numFmtId="0" fontId="3" fillId="0" borderId="44" xfId="1" applyFont="1" applyBorder="1" applyAlignment="1">
      <alignment horizontal="center" vertical="center"/>
    </xf>
    <xf numFmtId="0" fontId="3" fillId="0" borderId="1" xfId="1" applyFont="1" applyBorder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0" fontId="3" fillId="0" borderId="46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0" fontId="3" fillId="0" borderId="11" xfId="1" applyFont="1" applyBorder="1" applyAlignment="1">
      <alignment horizontal="center" vertical="center"/>
    </xf>
    <xf numFmtId="0" fontId="3" fillId="0" borderId="51" xfId="1" applyFont="1" applyBorder="1" applyAlignment="1">
      <alignment horizontal="center" vertical="center"/>
    </xf>
    <xf numFmtId="0" fontId="5" fillId="0" borderId="22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26" xfId="1" applyFont="1" applyFill="1" applyBorder="1" applyAlignment="1">
      <alignment horizontal="center" vertical="center" wrapText="1" shrinkToFit="1"/>
    </xf>
    <xf numFmtId="0" fontId="5" fillId="0" borderId="2" xfId="1" applyFont="1" applyFill="1" applyBorder="1" applyAlignment="1">
      <alignment horizontal="center" vertical="center" wrapText="1" shrinkToFit="1"/>
    </xf>
    <xf numFmtId="0" fontId="5" fillId="0" borderId="6" xfId="1" applyFont="1" applyFill="1" applyBorder="1" applyAlignment="1">
      <alignment horizontal="center" vertical="center" wrapText="1" shrinkToFit="1"/>
    </xf>
    <xf numFmtId="0" fontId="5" fillId="0" borderId="21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 vertical="center"/>
    </xf>
    <xf numFmtId="0" fontId="5" fillId="0" borderId="7" xfId="1" applyFont="1" applyFill="1" applyBorder="1" applyAlignment="1">
      <alignment horizontal="center" vertical="center"/>
    </xf>
    <xf numFmtId="0" fontId="5" fillId="0" borderId="45" xfId="1" applyFont="1" applyFill="1" applyBorder="1" applyAlignment="1">
      <alignment horizontal="center" vertical="center"/>
    </xf>
    <xf numFmtId="0" fontId="5" fillId="0" borderId="47" xfId="1" applyFont="1" applyFill="1" applyBorder="1" applyAlignment="1">
      <alignment horizontal="center" vertical="center"/>
    </xf>
    <xf numFmtId="0" fontId="5" fillId="0" borderId="43" xfId="1" applyFont="1" applyFill="1" applyBorder="1" applyAlignment="1">
      <alignment horizontal="center" vertical="center"/>
    </xf>
  </cellXfs>
  <cellStyles count="13">
    <cellStyle name="Calc Currency (0)" xfId="4" xr:uid="{00000000-0005-0000-0000-000000000000}"/>
    <cellStyle name="entry" xfId="5" xr:uid="{00000000-0005-0000-0000-000001000000}"/>
    <cellStyle name="Header1" xfId="6" xr:uid="{00000000-0005-0000-0000-000002000000}"/>
    <cellStyle name="Header2" xfId="7" xr:uid="{00000000-0005-0000-0000-000003000000}"/>
    <cellStyle name="Normal_#18-Internet" xfId="8" xr:uid="{00000000-0005-0000-0000-000004000000}"/>
    <cellStyle name="price" xfId="9" xr:uid="{00000000-0005-0000-0000-000005000000}"/>
    <cellStyle name="revised" xfId="10" xr:uid="{00000000-0005-0000-0000-000006000000}"/>
    <cellStyle name="section" xfId="11" xr:uid="{00000000-0005-0000-0000-000007000000}"/>
    <cellStyle name="title" xfId="12" xr:uid="{00000000-0005-0000-0000-000008000000}"/>
    <cellStyle name="標準" xfId="0" builtinId="0"/>
    <cellStyle name="標準 2" xfId="2" xr:uid="{00000000-0005-0000-0000-00000A000000}"/>
    <cellStyle name="標準_suii" xfId="3" xr:uid="{00000000-0005-0000-0000-00000B000000}"/>
    <cellStyle name="標準_表10-12改" xfId="1" xr:uid="{00000000-0005-0000-0000-00000C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Z48"/>
  <sheetViews>
    <sheetView tabSelected="1" zoomScaleNormal="100" zoomScaleSheetLayoutView="90" workbookViewId="0"/>
  </sheetViews>
  <sheetFormatPr defaultRowHeight="14.4"/>
  <cols>
    <col min="1" max="1" width="9.59765625" customWidth="1"/>
    <col min="2" max="2" width="4.3984375" customWidth="1"/>
    <col min="3" max="3" width="3.59765625" customWidth="1"/>
    <col min="4" max="4" width="9.59765625" bestFit="1" customWidth="1"/>
    <col min="5" max="6" width="7.59765625" customWidth="1"/>
    <col min="7" max="12" width="9.59765625" bestFit="1" customWidth="1"/>
    <col min="13" max="13" width="9.09765625" bestFit="1" customWidth="1"/>
    <col min="14" max="19" width="9.59765625" bestFit="1" customWidth="1"/>
    <col min="20" max="20" width="10.19921875" bestFit="1" customWidth="1"/>
    <col min="21" max="23" width="9.59765625" bestFit="1" customWidth="1"/>
    <col min="24" max="25" width="8" bestFit="1" customWidth="1"/>
  </cols>
  <sheetData>
    <row r="1" spans="1:26" ht="25.2" customHeight="1">
      <c r="A1" s="34" t="s">
        <v>17</v>
      </c>
      <c r="B1" s="17"/>
      <c r="C1" s="16"/>
      <c r="D1" s="16"/>
      <c r="E1" s="16"/>
      <c r="F1" s="5"/>
      <c r="G1" s="5"/>
      <c r="H1" s="5"/>
      <c r="I1" s="5"/>
      <c r="J1" s="5"/>
      <c r="K1" s="5"/>
      <c r="L1" s="5"/>
      <c r="M1" s="5"/>
      <c r="N1" s="5"/>
      <c r="O1" s="5"/>
      <c r="P1" s="5"/>
      <c r="Q1" s="5"/>
      <c r="R1" s="14" t="s">
        <v>9</v>
      </c>
      <c r="S1" s="14"/>
      <c r="T1" s="14"/>
      <c r="U1" s="13"/>
      <c r="V1" s="11"/>
      <c r="W1" s="12"/>
      <c r="X1" s="11"/>
      <c r="Y1" s="10"/>
    </row>
    <row r="2" spans="1:26" ht="25.2" customHeight="1">
      <c r="A2" s="15"/>
      <c r="B2" s="10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14"/>
      <c r="S2" s="14"/>
      <c r="T2" s="14"/>
      <c r="U2" s="13"/>
      <c r="V2" s="11"/>
      <c r="W2" s="12"/>
      <c r="X2" s="11"/>
      <c r="Y2" s="10"/>
    </row>
    <row r="3" spans="1:26" ht="25.2" customHeight="1" thickBot="1">
      <c r="A3" s="36" t="s">
        <v>8</v>
      </c>
      <c r="B3" s="17"/>
      <c r="C3" s="17"/>
      <c r="D3" s="17"/>
      <c r="E3" s="17"/>
      <c r="F3" s="17"/>
      <c r="G3" s="17"/>
      <c r="H3" s="17"/>
      <c r="I3" s="17"/>
      <c r="J3" s="17"/>
      <c r="K3" s="17"/>
      <c r="L3" s="17"/>
      <c r="M3" s="17"/>
      <c r="N3" s="17"/>
      <c r="O3" s="17"/>
      <c r="P3" s="17"/>
      <c r="Q3" s="17"/>
      <c r="R3" s="17"/>
      <c r="S3" s="17"/>
      <c r="T3" s="17"/>
      <c r="U3" s="17"/>
      <c r="V3" s="17"/>
      <c r="W3" s="17"/>
      <c r="X3" s="17"/>
      <c r="Y3" s="35" t="s">
        <v>15</v>
      </c>
    </row>
    <row r="4" spans="1:26" ht="31.5" customHeight="1">
      <c r="A4" s="116" t="s">
        <v>5</v>
      </c>
      <c r="B4" s="117"/>
      <c r="C4" s="118"/>
      <c r="D4" s="125" t="s">
        <v>1</v>
      </c>
      <c r="E4" s="111" t="s">
        <v>18</v>
      </c>
      <c r="F4" s="128" t="s">
        <v>19</v>
      </c>
      <c r="G4" s="125" t="s">
        <v>2</v>
      </c>
      <c r="H4" s="131" t="s">
        <v>0</v>
      </c>
      <c r="I4" s="111" t="s">
        <v>20</v>
      </c>
      <c r="J4" s="111" t="s">
        <v>21</v>
      </c>
      <c r="K4" s="111" t="s">
        <v>22</v>
      </c>
      <c r="L4" s="111" t="s">
        <v>23</v>
      </c>
      <c r="M4" s="111" t="s">
        <v>24</v>
      </c>
      <c r="N4" s="131" t="s">
        <v>4</v>
      </c>
      <c r="O4" s="111" t="s">
        <v>25</v>
      </c>
      <c r="P4" s="134" t="s">
        <v>3</v>
      </c>
      <c r="Q4" s="95" t="s">
        <v>7</v>
      </c>
      <c r="R4" s="114"/>
      <c r="S4" s="105" t="s">
        <v>12</v>
      </c>
      <c r="T4" s="107" t="s">
        <v>26</v>
      </c>
      <c r="U4" s="95" t="s">
        <v>27</v>
      </c>
      <c r="V4" s="96"/>
      <c r="W4" s="9" t="s">
        <v>6</v>
      </c>
      <c r="X4" s="8"/>
      <c r="Y4" s="7"/>
    </row>
    <row r="5" spans="1:26" ht="31.5" customHeight="1">
      <c r="A5" s="119"/>
      <c r="B5" s="120"/>
      <c r="C5" s="121"/>
      <c r="D5" s="126"/>
      <c r="E5" s="112"/>
      <c r="F5" s="129"/>
      <c r="G5" s="126"/>
      <c r="H5" s="132"/>
      <c r="I5" s="112"/>
      <c r="J5" s="112"/>
      <c r="K5" s="112"/>
      <c r="L5" s="112"/>
      <c r="M5" s="112"/>
      <c r="N5" s="132"/>
      <c r="O5" s="112"/>
      <c r="P5" s="135"/>
      <c r="Q5" s="97"/>
      <c r="R5" s="115"/>
      <c r="S5" s="106"/>
      <c r="T5" s="108"/>
      <c r="U5" s="97"/>
      <c r="V5" s="98"/>
      <c r="W5" s="99" t="s">
        <v>1</v>
      </c>
      <c r="X5" s="101" t="s">
        <v>28</v>
      </c>
      <c r="Y5" s="103" t="s">
        <v>29</v>
      </c>
    </row>
    <row r="6" spans="1:26" ht="31.5" customHeight="1" thickBot="1">
      <c r="A6" s="122"/>
      <c r="B6" s="123"/>
      <c r="C6" s="124"/>
      <c r="D6" s="127"/>
      <c r="E6" s="113"/>
      <c r="F6" s="130"/>
      <c r="G6" s="127"/>
      <c r="H6" s="133"/>
      <c r="I6" s="113"/>
      <c r="J6" s="113"/>
      <c r="K6" s="113"/>
      <c r="L6" s="112"/>
      <c r="M6" s="113"/>
      <c r="N6" s="133"/>
      <c r="O6" s="113"/>
      <c r="P6" s="136"/>
      <c r="Q6" s="58" t="s">
        <v>1</v>
      </c>
      <c r="R6" s="57" t="s">
        <v>2</v>
      </c>
      <c r="S6" s="6" t="s">
        <v>13</v>
      </c>
      <c r="T6" s="37" t="s">
        <v>30</v>
      </c>
      <c r="U6" s="6" t="s">
        <v>1</v>
      </c>
      <c r="V6" s="57" t="s">
        <v>0</v>
      </c>
      <c r="W6" s="100"/>
      <c r="X6" s="102"/>
      <c r="Y6" s="104"/>
    </row>
    <row r="7" spans="1:26" ht="25.2" customHeight="1" thickBot="1">
      <c r="A7" s="18" t="s">
        <v>31</v>
      </c>
      <c r="B7" s="109" t="s">
        <v>11</v>
      </c>
      <c r="C7" s="110"/>
      <c r="D7" s="28">
        <v>112.1</v>
      </c>
      <c r="E7" s="20" t="s">
        <v>16</v>
      </c>
      <c r="F7" s="21">
        <v>3.4</v>
      </c>
      <c r="G7" s="22">
        <v>126.3</v>
      </c>
      <c r="H7" s="20">
        <v>104</v>
      </c>
      <c r="I7" s="20">
        <v>119.9</v>
      </c>
      <c r="J7" s="20">
        <v>116.8</v>
      </c>
      <c r="K7" s="20">
        <v>105.9</v>
      </c>
      <c r="L7" s="20">
        <v>103.7</v>
      </c>
      <c r="M7" s="20">
        <v>99.1</v>
      </c>
      <c r="N7" s="20">
        <v>102.9</v>
      </c>
      <c r="O7" s="20">
        <v>115</v>
      </c>
      <c r="P7" s="23">
        <v>106.6</v>
      </c>
      <c r="Q7" s="24">
        <v>111.4</v>
      </c>
      <c r="R7" s="20">
        <v>126.2</v>
      </c>
      <c r="S7" s="22">
        <v>110.6</v>
      </c>
      <c r="T7" s="25">
        <v>105.5</v>
      </c>
      <c r="U7" s="22">
        <v>114.4</v>
      </c>
      <c r="V7" s="26">
        <v>111.7</v>
      </c>
      <c r="W7" s="27">
        <v>111.9</v>
      </c>
      <c r="X7" s="26" t="s">
        <v>16</v>
      </c>
      <c r="Y7" s="29">
        <v>3.2</v>
      </c>
    </row>
    <row r="8" spans="1:26" s="1" customFormat="1" ht="24.75" customHeight="1">
      <c r="A8" s="19" t="s">
        <v>33</v>
      </c>
      <c r="B8" s="33">
        <v>5</v>
      </c>
      <c r="C8" s="62" t="s">
        <v>10</v>
      </c>
      <c r="D8" s="30">
        <v>112</v>
      </c>
      <c r="E8" s="32">
        <v>0.6</v>
      </c>
      <c r="F8" s="39">
        <v>3.5</v>
      </c>
      <c r="G8" s="30">
        <v>124.8</v>
      </c>
      <c r="H8" s="32">
        <v>103.7</v>
      </c>
      <c r="I8" s="32">
        <v>123.7</v>
      </c>
      <c r="J8" s="32">
        <v>119.1</v>
      </c>
      <c r="K8" s="31">
        <v>106.8</v>
      </c>
      <c r="L8" s="31">
        <v>104</v>
      </c>
      <c r="M8" s="63">
        <v>98.6</v>
      </c>
      <c r="N8" s="32">
        <v>102.3</v>
      </c>
      <c r="O8" s="32">
        <v>115.3</v>
      </c>
      <c r="P8" s="40">
        <v>106.7</v>
      </c>
      <c r="Q8" s="41">
        <v>111.6</v>
      </c>
      <c r="R8" s="31">
        <v>125.7</v>
      </c>
      <c r="S8" s="63">
        <v>110.4</v>
      </c>
      <c r="T8" s="40">
        <v>105.5</v>
      </c>
      <c r="U8" s="41">
        <v>114.3</v>
      </c>
      <c r="V8" s="40">
        <v>110.4</v>
      </c>
      <c r="W8" s="42">
        <v>111.8</v>
      </c>
      <c r="X8" s="64">
        <v>0.3</v>
      </c>
      <c r="Y8" s="43">
        <v>3.5</v>
      </c>
      <c r="Z8"/>
    </row>
    <row r="9" spans="1:26" s="1" customFormat="1" ht="24.75" customHeight="1">
      <c r="A9" s="19"/>
      <c r="B9" s="33">
        <v>6</v>
      </c>
      <c r="C9" s="62" t="s">
        <v>10</v>
      </c>
      <c r="D9" s="30">
        <v>112</v>
      </c>
      <c r="E9" s="32">
        <v>0</v>
      </c>
      <c r="F9" s="39">
        <v>3.5</v>
      </c>
      <c r="G9" s="30">
        <v>125.5</v>
      </c>
      <c r="H9" s="32">
        <v>103.7</v>
      </c>
      <c r="I9" s="32">
        <v>123.2</v>
      </c>
      <c r="J9" s="32">
        <v>119.2</v>
      </c>
      <c r="K9" s="31">
        <v>106.1</v>
      </c>
      <c r="L9" s="31">
        <v>103.8</v>
      </c>
      <c r="M9" s="63">
        <v>98.9</v>
      </c>
      <c r="N9" s="32">
        <v>101.9</v>
      </c>
      <c r="O9" s="32">
        <v>114.3</v>
      </c>
      <c r="P9" s="40">
        <v>106.4</v>
      </c>
      <c r="Q9" s="41">
        <v>111.7</v>
      </c>
      <c r="R9" s="31">
        <v>126.7</v>
      </c>
      <c r="S9" s="63">
        <v>110.7</v>
      </c>
      <c r="T9" s="40">
        <v>105.4</v>
      </c>
      <c r="U9" s="41">
        <v>114.3</v>
      </c>
      <c r="V9" s="40">
        <v>110.4</v>
      </c>
      <c r="W9" s="42">
        <v>111.7</v>
      </c>
      <c r="X9" s="64">
        <v>-0.1</v>
      </c>
      <c r="Y9" s="43">
        <v>3.3</v>
      </c>
      <c r="Z9"/>
    </row>
    <row r="10" spans="1:26" s="1" customFormat="1" ht="24.75" customHeight="1">
      <c r="A10" s="19"/>
      <c r="B10" s="33">
        <v>7</v>
      </c>
      <c r="C10" s="62" t="s">
        <v>10</v>
      </c>
      <c r="D10" s="30">
        <v>112.1</v>
      </c>
      <c r="E10" s="32">
        <v>0.1</v>
      </c>
      <c r="F10" s="39">
        <v>3.2</v>
      </c>
      <c r="G10" s="30">
        <v>125.7</v>
      </c>
      <c r="H10" s="32">
        <v>103.8</v>
      </c>
      <c r="I10" s="32">
        <v>122.1</v>
      </c>
      <c r="J10" s="32">
        <v>120</v>
      </c>
      <c r="K10" s="31">
        <v>104.5</v>
      </c>
      <c r="L10" s="31">
        <v>103.8</v>
      </c>
      <c r="M10" s="63">
        <v>99.2</v>
      </c>
      <c r="N10" s="32">
        <v>101.9</v>
      </c>
      <c r="O10" s="32">
        <v>115.4</v>
      </c>
      <c r="P10" s="40">
        <v>106.8</v>
      </c>
      <c r="Q10" s="41">
        <v>112</v>
      </c>
      <c r="R10" s="31">
        <v>127.6</v>
      </c>
      <c r="S10" s="63">
        <v>111</v>
      </c>
      <c r="T10" s="40">
        <v>105.6</v>
      </c>
      <c r="U10" s="41">
        <v>114.5</v>
      </c>
      <c r="V10" s="40">
        <v>110.4</v>
      </c>
      <c r="W10" s="42">
        <v>111.9</v>
      </c>
      <c r="X10" s="64">
        <v>0.2</v>
      </c>
      <c r="Y10" s="43">
        <v>3.1</v>
      </c>
      <c r="Z10"/>
    </row>
    <row r="11" spans="1:26" s="1" customFormat="1" ht="24.75" customHeight="1">
      <c r="A11" s="19"/>
      <c r="B11" s="33">
        <v>8</v>
      </c>
      <c r="C11" s="62" t="s">
        <v>10</v>
      </c>
      <c r="D11" s="30">
        <v>112.2</v>
      </c>
      <c r="E11" s="32">
        <v>0</v>
      </c>
      <c r="F11" s="39">
        <v>3.1</v>
      </c>
      <c r="G11" s="30">
        <v>126.3</v>
      </c>
      <c r="H11" s="32">
        <v>104.3</v>
      </c>
      <c r="I11" s="32">
        <v>117.3</v>
      </c>
      <c r="J11" s="32">
        <v>117.6</v>
      </c>
      <c r="K11" s="31">
        <v>103.7</v>
      </c>
      <c r="L11" s="31">
        <v>103.7</v>
      </c>
      <c r="M11" s="63">
        <v>99.6</v>
      </c>
      <c r="N11" s="32">
        <v>101.9</v>
      </c>
      <c r="O11" s="32">
        <v>117</v>
      </c>
      <c r="P11" s="40">
        <v>106.9</v>
      </c>
      <c r="Q11" s="41">
        <v>111.8</v>
      </c>
      <c r="R11" s="31">
        <v>127.4</v>
      </c>
      <c r="S11" s="63">
        <v>111.2</v>
      </c>
      <c r="T11" s="40">
        <v>105.9</v>
      </c>
      <c r="U11" s="41">
        <v>114.6</v>
      </c>
      <c r="V11" s="40">
        <v>112.7</v>
      </c>
      <c r="W11" s="42">
        <v>112.1</v>
      </c>
      <c r="X11" s="64">
        <v>0.2</v>
      </c>
      <c r="Y11" s="43">
        <v>2.7</v>
      </c>
      <c r="Z11"/>
    </row>
    <row r="12" spans="1:26" s="1" customFormat="1" ht="24.75" customHeight="1">
      <c r="A12" s="19"/>
      <c r="B12" s="33">
        <v>9</v>
      </c>
      <c r="C12" s="62" t="s">
        <v>10</v>
      </c>
      <c r="D12" s="30">
        <v>112</v>
      </c>
      <c r="E12" s="32">
        <v>-0.1</v>
      </c>
      <c r="F12" s="39">
        <v>3.2</v>
      </c>
      <c r="G12" s="30">
        <v>126.7</v>
      </c>
      <c r="H12" s="32">
        <v>104.3</v>
      </c>
      <c r="I12" s="32">
        <v>116</v>
      </c>
      <c r="J12" s="32">
        <v>115.8</v>
      </c>
      <c r="K12" s="31">
        <v>105.8</v>
      </c>
      <c r="L12" s="31">
        <v>103.9</v>
      </c>
      <c r="M12" s="63">
        <v>99.4</v>
      </c>
      <c r="N12" s="32">
        <v>101.9</v>
      </c>
      <c r="O12" s="32">
        <v>115.2</v>
      </c>
      <c r="P12" s="40">
        <v>106.9</v>
      </c>
      <c r="Q12" s="41">
        <v>111.4</v>
      </c>
      <c r="R12" s="31">
        <v>126.7</v>
      </c>
      <c r="S12" s="63">
        <v>110.8</v>
      </c>
      <c r="T12" s="40">
        <v>105.6</v>
      </c>
      <c r="U12" s="41">
        <v>114.4</v>
      </c>
      <c r="V12" s="40">
        <v>113.1</v>
      </c>
      <c r="W12" s="42">
        <v>112</v>
      </c>
      <c r="X12" s="64">
        <v>-0.1</v>
      </c>
      <c r="Y12" s="43">
        <v>2.9</v>
      </c>
      <c r="Z12"/>
    </row>
    <row r="13" spans="1:26" s="1" customFormat="1" ht="24.75" customHeight="1">
      <c r="A13" s="19"/>
      <c r="B13" s="33">
        <v>10</v>
      </c>
      <c r="C13" s="62" t="s">
        <v>10</v>
      </c>
      <c r="D13" s="30">
        <v>113.1</v>
      </c>
      <c r="E13" s="32">
        <v>0.9</v>
      </c>
      <c r="F13" s="39">
        <v>3.1</v>
      </c>
      <c r="G13" s="30">
        <v>129.1</v>
      </c>
      <c r="H13" s="32">
        <v>104.7</v>
      </c>
      <c r="I13" s="32">
        <v>116.9</v>
      </c>
      <c r="J13" s="32">
        <v>116.6</v>
      </c>
      <c r="K13" s="31">
        <v>105.6</v>
      </c>
      <c r="L13" s="31">
        <v>103.7</v>
      </c>
      <c r="M13" s="63">
        <v>100.1</v>
      </c>
      <c r="N13" s="32">
        <v>101.9</v>
      </c>
      <c r="O13" s="32">
        <v>116.4</v>
      </c>
      <c r="P13" s="40">
        <v>107.3</v>
      </c>
      <c r="Q13" s="41">
        <v>112.4</v>
      </c>
      <c r="R13" s="31">
        <v>129.4</v>
      </c>
      <c r="S13" s="63">
        <v>111.9</v>
      </c>
      <c r="T13" s="40">
        <v>106.2</v>
      </c>
      <c r="U13" s="41">
        <v>115.7</v>
      </c>
      <c r="V13" s="40">
        <v>114.8</v>
      </c>
      <c r="W13" s="42">
        <v>112.8</v>
      </c>
      <c r="X13" s="64">
        <v>0.7</v>
      </c>
      <c r="Y13" s="43">
        <v>3</v>
      </c>
      <c r="Z13"/>
    </row>
    <row r="14" spans="1:26" s="1" customFormat="1" ht="24.75" customHeight="1">
      <c r="A14" s="19"/>
      <c r="B14" s="33">
        <v>11</v>
      </c>
      <c r="C14" s="62" t="s">
        <v>10</v>
      </c>
      <c r="D14" s="30">
        <v>113.5</v>
      </c>
      <c r="E14" s="32">
        <v>0.3</v>
      </c>
      <c r="F14" s="39">
        <v>3.3</v>
      </c>
      <c r="G14" s="30">
        <v>129.5</v>
      </c>
      <c r="H14" s="32">
        <v>104.7</v>
      </c>
      <c r="I14" s="32">
        <v>120.8</v>
      </c>
      <c r="J14" s="32">
        <v>117.1</v>
      </c>
      <c r="K14" s="31">
        <v>108</v>
      </c>
      <c r="L14" s="31">
        <v>103.8</v>
      </c>
      <c r="M14" s="63">
        <v>99.8</v>
      </c>
      <c r="N14" s="32">
        <v>101.9</v>
      </c>
      <c r="O14" s="32">
        <v>116.1</v>
      </c>
      <c r="P14" s="40">
        <v>106.9</v>
      </c>
      <c r="Q14" s="41">
        <v>112.8</v>
      </c>
      <c r="R14" s="31">
        <v>130</v>
      </c>
      <c r="S14" s="63">
        <v>112.1</v>
      </c>
      <c r="T14" s="40">
        <v>106.3</v>
      </c>
      <c r="U14" s="41">
        <v>116.2</v>
      </c>
      <c r="V14" s="40">
        <v>114.9</v>
      </c>
      <c r="W14" s="42">
        <v>113.2</v>
      </c>
      <c r="X14" s="64">
        <v>0.3</v>
      </c>
      <c r="Y14" s="43">
        <v>2.9</v>
      </c>
      <c r="Z14"/>
    </row>
    <row r="15" spans="1:26" s="1" customFormat="1" ht="24.75" customHeight="1" thickBot="1">
      <c r="A15" s="45"/>
      <c r="B15" s="46">
        <v>12</v>
      </c>
      <c r="C15" s="59" t="s">
        <v>10</v>
      </c>
      <c r="D15" s="44">
        <v>113.2</v>
      </c>
      <c r="E15" s="51">
        <v>-0.2</v>
      </c>
      <c r="F15" s="49">
        <v>2.4</v>
      </c>
      <c r="G15" s="44">
        <v>129.19999999999999</v>
      </c>
      <c r="H15" s="51">
        <v>104.8</v>
      </c>
      <c r="I15" s="51">
        <v>120.6</v>
      </c>
      <c r="J15" s="51">
        <v>116.4</v>
      </c>
      <c r="K15" s="48">
        <v>107.3</v>
      </c>
      <c r="L15" s="48">
        <v>103.1</v>
      </c>
      <c r="M15" s="60">
        <v>99.2</v>
      </c>
      <c r="N15" s="51">
        <v>101.9</v>
      </c>
      <c r="O15" s="51">
        <v>116</v>
      </c>
      <c r="P15" s="52">
        <v>107</v>
      </c>
      <c r="Q15" s="53">
        <v>112.6</v>
      </c>
      <c r="R15" s="48">
        <v>129.5</v>
      </c>
      <c r="S15" s="60">
        <v>111.9</v>
      </c>
      <c r="T15" s="52">
        <v>106.1</v>
      </c>
      <c r="U15" s="53">
        <v>115.8</v>
      </c>
      <c r="V15" s="52">
        <v>115.1</v>
      </c>
      <c r="W15" s="54">
        <v>113</v>
      </c>
      <c r="X15" s="61">
        <v>-0.2</v>
      </c>
      <c r="Y15" s="56">
        <v>2.1</v>
      </c>
      <c r="Z15"/>
    </row>
    <row r="16" spans="1:26" ht="24.75" customHeight="1">
      <c r="A16" s="65" t="s">
        <v>32</v>
      </c>
      <c r="B16" s="66">
        <v>1</v>
      </c>
      <c r="C16" s="67" t="s">
        <v>10</v>
      </c>
      <c r="D16" s="68">
        <v>113.2</v>
      </c>
      <c r="E16" s="69">
        <v>0</v>
      </c>
      <c r="F16" s="70">
        <v>1.7</v>
      </c>
      <c r="G16" s="71">
        <v>129.9</v>
      </c>
      <c r="H16" s="72">
        <v>104.8</v>
      </c>
      <c r="I16" s="69">
        <v>120.4</v>
      </c>
      <c r="J16" s="72">
        <v>118.3</v>
      </c>
      <c r="K16" s="69">
        <v>105.4</v>
      </c>
      <c r="L16" s="69">
        <v>102.8</v>
      </c>
      <c r="M16" s="69">
        <v>99.1</v>
      </c>
      <c r="N16" s="72">
        <v>101.9</v>
      </c>
      <c r="O16" s="69">
        <v>114.7</v>
      </c>
      <c r="P16" s="73">
        <v>107.3</v>
      </c>
      <c r="Q16" s="74">
        <v>112.5</v>
      </c>
      <c r="R16" s="69">
        <v>130.1</v>
      </c>
      <c r="S16" s="69">
        <v>112</v>
      </c>
      <c r="T16" s="73">
        <v>106</v>
      </c>
      <c r="U16" s="74">
        <v>115.9</v>
      </c>
      <c r="V16" s="73">
        <v>115</v>
      </c>
      <c r="W16" s="75">
        <v>112.9</v>
      </c>
      <c r="X16" s="76">
        <v>-0.1</v>
      </c>
      <c r="Y16" s="77">
        <v>1.5</v>
      </c>
    </row>
    <row r="17" spans="1:25" s="91" customFormat="1" ht="24.75" customHeight="1">
      <c r="A17" s="78"/>
      <c r="B17" s="79">
        <v>2</v>
      </c>
      <c r="C17" s="80" t="s">
        <v>10</v>
      </c>
      <c r="D17" s="81">
        <v>112.5</v>
      </c>
      <c r="E17" s="82">
        <v>-0.6</v>
      </c>
      <c r="F17" s="83">
        <v>1.6</v>
      </c>
      <c r="G17" s="84">
        <v>129.30000000000001</v>
      </c>
      <c r="H17" s="85">
        <v>105.4</v>
      </c>
      <c r="I17" s="82">
        <v>111.5</v>
      </c>
      <c r="J17" s="85">
        <v>114.9</v>
      </c>
      <c r="K17" s="82">
        <v>104.3</v>
      </c>
      <c r="L17" s="82">
        <v>103.1</v>
      </c>
      <c r="M17" s="82">
        <v>99.1</v>
      </c>
      <c r="N17" s="85">
        <v>102</v>
      </c>
      <c r="O17" s="82">
        <v>115.1</v>
      </c>
      <c r="P17" s="86">
        <v>107.4</v>
      </c>
      <c r="Q17" s="87">
        <v>111.9</v>
      </c>
      <c r="R17" s="82">
        <v>129.9</v>
      </c>
      <c r="S17" s="82">
        <v>112</v>
      </c>
      <c r="T17" s="86">
        <v>106.1</v>
      </c>
      <c r="U17" s="87">
        <v>114.8</v>
      </c>
      <c r="V17" s="86">
        <v>115.2</v>
      </c>
      <c r="W17" s="88">
        <v>112.2</v>
      </c>
      <c r="X17" s="89">
        <v>-0.6</v>
      </c>
      <c r="Y17" s="90">
        <v>1.3</v>
      </c>
    </row>
    <row r="18" spans="1:25" ht="24.75" customHeight="1">
      <c r="A18" s="19"/>
      <c r="B18" s="33">
        <v>3</v>
      </c>
      <c r="C18" s="92" t="s">
        <v>10</v>
      </c>
      <c r="D18" s="30">
        <v>113</v>
      </c>
      <c r="E18" s="31">
        <v>0.4</v>
      </c>
      <c r="F18" s="39">
        <v>1.6</v>
      </c>
      <c r="G18" s="93">
        <v>128.9</v>
      </c>
      <c r="H18" s="32">
        <v>105.5</v>
      </c>
      <c r="I18" s="31">
        <v>113</v>
      </c>
      <c r="J18" s="32">
        <v>117.2</v>
      </c>
      <c r="K18" s="31">
        <v>106.7</v>
      </c>
      <c r="L18" s="31">
        <v>103.4</v>
      </c>
      <c r="M18" s="31">
        <v>101.5</v>
      </c>
      <c r="N18" s="32">
        <v>102.2</v>
      </c>
      <c r="O18" s="31">
        <v>115.3</v>
      </c>
      <c r="P18" s="40">
        <v>107</v>
      </c>
      <c r="Q18" s="41">
        <v>112.5</v>
      </c>
      <c r="R18" s="31">
        <v>129.6</v>
      </c>
      <c r="S18" s="31">
        <v>112.1</v>
      </c>
      <c r="T18" s="40">
        <v>106.4</v>
      </c>
      <c r="U18" s="41">
        <v>115.4</v>
      </c>
      <c r="V18" s="40">
        <v>115.6</v>
      </c>
      <c r="W18" s="42">
        <v>112.7</v>
      </c>
      <c r="X18" s="94">
        <v>0.4</v>
      </c>
      <c r="Y18" s="43">
        <v>1.5</v>
      </c>
    </row>
    <row r="19" spans="1:25" ht="24.75" customHeight="1">
      <c r="A19" s="19"/>
      <c r="B19" s="33">
        <v>4</v>
      </c>
      <c r="C19" s="92" t="s">
        <v>10</v>
      </c>
      <c r="D19" s="30">
        <v>113.6</v>
      </c>
      <c r="E19" s="31">
        <v>0.5</v>
      </c>
      <c r="F19" s="39">
        <v>2</v>
      </c>
      <c r="G19" s="93">
        <v>130.1</v>
      </c>
      <c r="H19" s="32">
        <v>105.5</v>
      </c>
      <c r="I19" s="31">
        <v>119.1</v>
      </c>
      <c r="J19" s="32">
        <v>117</v>
      </c>
      <c r="K19" s="31">
        <v>107</v>
      </c>
      <c r="L19" s="31">
        <v>102.6</v>
      </c>
      <c r="M19" s="31">
        <v>100.6</v>
      </c>
      <c r="N19" s="32">
        <v>97.2</v>
      </c>
      <c r="O19" s="31">
        <v>116.1</v>
      </c>
      <c r="P19" s="40">
        <v>107.4</v>
      </c>
      <c r="Q19" s="41">
        <v>113</v>
      </c>
      <c r="R19" s="31">
        <v>130.80000000000001</v>
      </c>
      <c r="S19" s="31">
        <v>112.5</v>
      </c>
      <c r="T19" s="40">
        <v>106.5</v>
      </c>
      <c r="U19" s="41">
        <v>116.2</v>
      </c>
      <c r="V19" s="40">
        <v>115.6</v>
      </c>
      <c r="W19" s="42">
        <v>113</v>
      </c>
      <c r="X19" s="94">
        <v>0.3</v>
      </c>
      <c r="Y19" s="43">
        <v>1.4</v>
      </c>
    </row>
    <row r="20" spans="1:25" ht="24.75" customHeight="1" thickBot="1">
      <c r="A20" s="45"/>
      <c r="B20" s="46">
        <v>5</v>
      </c>
      <c r="C20" s="47" t="s">
        <v>10</v>
      </c>
      <c r="D20" s="44">
        <v>114.2</v>
      </c>
      <c r="E20" s="48">
        <v>0.5</v>
      </c>
      <c r="F20" s="49">
        <v>2</v>
      </c>
      <c r="G20" s="50">
        <v>130.19999999999999</v>
      </c>
      <c r="H20" s="51">
        <v>105.7</v>
      </c>
      <c r="I20" s="48">
        <v>124.1</v>
      </c>
      <c r="J20" s="51">
        <v>119.9</v>
      </c>
      <c r="K20" s="48">
        <v>107.4</v>
      </c>
      <c r="L20" s="48">
        <v>102.8</v>
      </c>
      <c r="M20" s="48">
        <v>100.7</v>
      </c>
      <c r="N20" s="51">
        <v>97.2</v>
      </c>
      <c r="O20" s="48">
        <v>116.7</v>
      </c>
      <c r="P20" s="52">
        <v>107.6</v>
      </c>
      <c r="Q20" s="53">
        <v>113.7</v>
      </c>
      <c r="R20" s="48">
        <v>131.19999999999999</v>
      </c>
      <c r="S20" s="48">
        <v>112.9</v>
      </c>
      <c r="T20" s="52">
        <v>106.8</v>
      </c>
      <c r="U20" s="53">
        <v>116.9</v>
      </c>
      <c r="V20" s="52">
        <v>116.6</v>
      </c>
      <c r="W20" s="54">
        <v>113.5</v>
      </c>
      <c r="X20" s="55">
        <v>0.5</v>
      </c>
      <c r="Y20" s="56">
        <v>1.5</v>
      </c>
    </row>
    <row r="21" spans="1:25">
      <c r="A21" s="38" t="s">
        <v>14</v>
      </c>
      <c r="B21" s="3"/>
      <c r="C21" s="2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</row>
    <row r="22" spans="1:2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</row>
    <row r="23" spans="1:2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</row>
    <row r="24" spans="1:25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</row>
    <row r="25" spans="1: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</row>
    <row r="26" spans="1:2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</row>
    <row r="27" spans="1:25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</row>
    <row r="28" spans="1:25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5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U48" s="1"/>
      <c r="V48" s="1"/>
      <c r="W48" s="1"/>
      <c r="X48" s="1"/>
      <c r="Y48" s="1"/>
    </row>
  </sheetData>
  <mergeCells count="22">
    <mergeCell ref="B7:C7"/>
    <mergeCell ref="K4:K6"/>
    <mergeCell ref="L4:L6"/>
    <mergeCell ref="O4:O6"/>
    <mergeCell ref="Q4:R5"/>
    <mergeCell ref="A4:C6"/>
    <mergeCell ref="D4:D6"/>
    <mergeCell ref="E4:E6"/>
    <mergeCell ref="F4:F6"/>
    <mergeCell ref="G4:G6"/>
    <mergeCell ref="H4:H6"/>
    <mergeCell ref="I4:I6"/>
    <mergeCell ref="J4:J6"/>
    <mergeCell ref="M4:M6"/>
    <mergeCell ref="N4:N6"/>
    <mergeCell ref="P4:P6"/>
    <mergeCell ref="U4:V5"/>
    <mergeCell ref="W5:W6"/>
    <mergeCell ref="X5:X6"/>
    <mergeCell ref="Y5:Y6"/>
    <mergeCell ref="S4:S5"/>
    <mergeCell ref="T4:T5"/>
  </mergeCells>
  <phoneticPr fontId="1"/>
  <pageMargins left="0.59055118110236227" right="0.19685039370078741" top="0.51181102362204722" bottom="0.47244094488188981" header="0.31496062992125984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09-10T06:48:24Z</cp:lastPrinted>
  <dcterms:created xsi:type="dcterms:W3CDTF">2016-09-16T05:42:46Z</dcterms:created>
  <dcterms:modified xsi:type="dcterms:W3CDTF">2026-07-09T07:13:17Z</dcterms:modified>
</cp:coreProperties>
</file>